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62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92CC"/>
    <a:srgbClr val="A6A6A6"/>
    <a:srgbClr val="9B9B9B"/>
    <a:srgbClr val="9AB9DE"/>
    <a:srgbClr val="BACFE8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EB5F59-6BAF-4F09-B6E4-8D5D7D126F55}" v="9" dt="2023-02-21T03:23:30.34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14" autoAdjust="0"/>
    <p:restoredTop sz="94610"/>
  </p:normalViewPr>
  <p:slideViewPr>
    <p:cSldViewPr>
      <p:cViewPr>
        <p:scale>
          <a:sx n="125" d="100"/>
          <a:sy n="125" d="100"/>
        </p:scale>
        <p:origin x="90" y="810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60" d="100"/>
          <a:sy n="60" d="100"/>
        </p:scale>
        <p:origin x="1670" y="43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张 嘉铭" userId="3511580ec5cbb87e" providerId="LiveId" clId="{12EB5F59-6BAF-4F09-B6E4-8D5D7D126F55}"/>
    <pc:docChg chg="custSel modSld">
      <pc:chgData name="张 嘉铭" userId="3511580ec5cbb87e" providerId="LiveId" clId="{12EB5F59-6BAF-4F09-B6E4-8D5D7D126F55}" dt="2023-02-21T04:49:20.801" v="37" actId="1076"/>
      <pc:docMkLst>
        <pc:docMk/>
      </pc:docMkLst>
      <pc:sldChg chg="addSp delSp modSp mod">
        <pc:chgData name="张 嘉铭" userId="3511580ec5cbb87e" providerId="LiveId" clId="{12EB5F59-6BAF-4F09-B6E4-8D5D7D126F55}" dt="2023-02-21T04:49:20.801" v="37" actId="1076"/>
        <pc:sldMkLst>
          <pc:docMk/>
          <pc:sldMk cId="0" sldId="262"/>
        </pc:sldMkLst>
        <pc:spChg chg="del">
          <ac:chgData name="张 嘉铭" userId="3511580ec5cbb87e" providerId="LiveId" clId="{12EB5F59-6BAF-4F09-B6E4-8D5D7D126F55}" dt="2023-02-21T04:48:23.109" v="25" actId="478"/>
          <ac:spMkLst>
            <pc:docMk/>
            <pc:sldMk cId="0" sldId="262"/>
            <ac:spMk id="17" creationId="{FE318BB1-4CF2-5896-54D3-C446C9C929CA}"/>
          </ac:spMkLst>
        </pc:spChg>
        <pc:spChg chg="del">
          <ac:chgData name="张 嘉铭" userId="3511580ec5cbb87e" providerId="LiveId" clId="{12EB5F59-6BAF-4F09-B6E4-8D5D7D126F55}" dt="2023-02-21T04:48:27.720" v="26" actId="478"/>
          <ac:spMkLst>
            <pc:docMk/>
            <pc:sldMk cId="0" sldId="262"/>
            <ac:spMk id="19" creationId="{72744D9B-BDE6-FC6F-EEA6-190A8439332A}"/>
          </ac:spMkLst>
        </pc:spChg>
        <pc:spChg chg="mod">
          <ac:chgData name="张 嘉铭" userId="3511580ec5cbb87e" providerId="LiveId" clId="{12EB5F59-6BAF-4F09-B6E4-8D5D7D126F55}" dt="2023-02-21T04:49:07.055" v="30" actId="1076"/>
          <ac:spMkLst>
            <pc:docMk/>
            <pc:sldMk cId="0" sldId="262"/>
            <ac:spMk id="22" creationId="{E5983DB5-CFC9-66D0-A297-6237E980274F}"/>
          </ac:spMkLst>
        </pc:spChg>
        <pc:spChg chg="mod">
          <ac:chgData name="张 嘉铭" userId="3511580ec5cbb87e" providerId="LiveId" clId="{12EB5F59-6BAF-4F09-B6E4-8D5D7D126F55}" dt="2023-02-21T04:49:20.801" v="37" actId="1076"/>
          <ac:spMkLst>
            <pc:docMk/>
            <pc:sldMk cId="0" sldId="262"/>
            <ac:spMk id="23" creationId="{F939EABD-EADE-AB49-FD8C-AC915C7186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5" creationId="{28025BD7-ECEB-687F-B605-C9D4D1990D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6" creationId="{D7D5C0E7-E95A-3B01-36E9-51AABD4FD3C3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7" creationId="{5241C950-FF83-065A-087D-B7D1D24E3DE1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8" creationId="{2F9F722C-C0DB-3AB3-AD9B-77FEF2A00BB2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29" creationId="{A8CA9680-8ED6-EA60-BD43-5491876377A4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30" creationId="{999B27BA-EC60-E1A2-DBE6-DF3F3A1502FD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1" creationId="{F75872B3-53C9-71CF-141F-042C4AD1533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2" creationId="{22BA6371-C6E0-7E49-E00E-1537BC266F6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3" creationId="{2A4EF71C-8DC9-B38E-C984-7A0325164A73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35" creationId="{91F15228-3583-0718-0902-0B1FD28AB152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38" creationId="{CD5737A8-7E1F-B419-8B2D-2A2D571BE8E8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0" creationId="{B45D20C6-0E21-C7BA-7BE3-E9489A540E60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2" creationId="{EC30EF55-B43D-2FC5-D242-E62FD2C46E9F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45" creationId="{481E9D13-9193-ABCA-1B46-94D0C2735E04}"/>
          </ac:spMkLst>
        </pc:spChg>
        <pc:spChg chg="add mod">
          <ac:chgData name="张 嘉铭" userId="3511580ec5cbb87e" providerId="LiveId" clId="{12EB5F59-6BAF-4F09-B6E4-8D5D7D126F55}" dt="2023-02-21T04:48:57.759" v="29" actId="1036"/>
          <ac:spMkLst>
            <pc:docMk/>
            <pc:sldMk cId="0" sldId="262"/>
            <ac:spMk id="65" creationId="{0213E8FD-4C98-5B2D-8E83-3D183AE9E249}"/>
          </ac:spMkLst>
        </pc:spChg>
        <pc:spChg chg="add 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66" creationId="{897F13D1-7572-D651-5FB1-7342C72BB912}"/>
          </ac:spMkLst>
        </pc:s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48" creationId="{F67C9BFB-8686-D70F-3BA5-6979B7B325DF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1" creationId="{AA5070D7-7FF2-5CCD-0EA4-8F4FC26F50A6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4" creationId="{FA1FA5E9-7842-2849-FA53-AC5BFCD81491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7" creationId="{E6CCA144-BFD4-FDF2-6EC9-A979E5A8A30A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60" creationId="{FE3B5BB1-BCD4-7F7B-4876-2376B8370A3B}"/>
          </ac:grpSpMkLst>
        </pc:grpChg>
        <pc:graphicFrameChg chg="mod modGraphic">
          <ac:chgData name="张 嘉铭" userId="3511580ec5cbb87e" providerId="LiveId" clId="{12EB5F59-6BAF-4F09-B6E4-8D5D7D126F55}" dt="2023-02-21T04:48:16.691" v="24" actId="2165"/>
          <ac:graphicFrameMkLst>
            <pc:docMk/>
            <pc:sldMk cId="0" sldId="262"/>
            <ac:graphicFrameMk id="2" creationId="{00000000-0000-0000-0000-000000000000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37550989"/>
              </p:ext>
            </p:extLst>
          </p:nvPr>
        </p:nvGraphicFramePr>
        <p:xfrm>
          <a:off x="263352" y="116632"/>
          <a:ext cx="11305256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31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32248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91169995"/>
              </p:ext>
            </p:extLst>
          </p:nvPr>
        </p:nvGraphicFramePr>
        <p:xfrm>
          <a:off x="263352" y="516045"/>
          <a:ext cx="15456752" cy="479645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endParaRPr lang="en-US" sz="1600" dirty="0">
                        <a:solidFill>
                          <a:srgbClr val="1F497D"/>
                        </a:solidFill>
                        <a:latin typeface="+mn-lt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1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392659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3227883" y="960421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3535641" y="1268760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553525" y="973372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5031885" y="1332981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5264244" y="1628800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436518" y="1628800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4884372" y="1977348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997938" y="1991977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 – Mar 23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3147350" y="1627209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AA5070D7-7FF2-5CCD-0EA4-8F4FC26F50A6}"/>
              </a:ext>
            </a:extLst>
          </p:cNvPr>
          <p:cNvGrpSpPr/>
          <p:nvPr/>
        </p:nvGrpSpPr>
        <p:grpSpPr>
          <a:xfrm>
            <a:off x="7291815" y="3864203"/>
            <a:ext cx="2734201" cy="197149"/>
            <a:chOff x="7317974" y="3834622"/>
            <a:chExt cx="2734201" cy="197149"/>
          </a:xfrm>
        </p:grpSpPr>
        <p:sp>
          <p:nvSpPr>
            <p:cNvPr id="27" name="Rounded Rectangle 48">
              <a:extLst>
                <a:ext uri="{FF2B5EF4-FFF2-40B4-BE49-F238E27FC236}">
                  <a16:creationId xmlns:a16="http://schemas.microsoft.com/office/drawing/2014/main" id="{5241C950-FF83-065A-087D-B7D1D24E3DE1}"/>
                </a:ext>
              </a:extLst>
            </p:cNvPr>
            <p:cNvSpPr/>
            <p:nvPr/>
          </p:nvSpPr>
          <p:spPr>
            <a:xfrm>
              <a:off x="7317974" y="3840929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OTLSHAPE_SLT_5b87359c2c954ae4906972a3b70de9e6_JoinedDate">
              <a:extLst>
                <a:ext uri="{FF2B5EF4-FFF2-40B4-BE49-F238E27FC236}">
                  <a16:creationId xmlns:a16="http://schemas.microsoft.com/office/drawing/2014/main" id="{2F9F722C-C0DB-3AB3-AD9B-77FEF2A00BB2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994738" y="3834622"/>
              <a:ext cx="1057437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 – Apr 1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A1FA5E9-7842-2849-FA53-AC5BFCD81491}"/>
              </a:ext>
            </a:extLst>
          </p:cNvPr>
          <p:cNvGrpSpPr/>
          <p:nvPr/>
        </p:nvGrpSpPr>
        <p:grpSpPr>
          <a:xfrm>
            <a:off x="8680548" y="4230089"/>
            <a:ext cx="1787037" cy="190842"/>
            <a:chOff x="8706707" y="4200508"/>
            <a:chExt cx="1787037" cy="190842"/>
          </a:xfrm>
        </p:grpSpPr>
        <p:sp>
          <p:nvSpPr>
            <p:cNvPr id="29" name="Rounded Rectangle 48">
              <a:extLst>
                <a:ext uri="{FF2B5EF4-FFF2-40B4-BE49-F238E27FC236}">
                  <a16:creationId xmlns:a16="http://schemas.microsoft.com/office/drawing/2014/main" id="{A8CA9680-8ED6-EA60-BD43-5491876377A4}"/>
                </a:ext>
              </a:extLst>
            </p:cNvPr>
            <p:cNvSpPr/>
            <p:nvPr/>
          </p:nvSpPr>
          <p:spPr>
            <a:xfrm>
              <a:off x="8706707" y="4200508"/>
              <a:ext cx="504056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OTLSHAPE_SLT_5b87359c2c954ae4906972a3b70de9e6_JoinedDate">
              <a:extLst>
                <a:ext uri="{FF2B5EF4-FFF2-40B4-BE49-F238E27FC236}">
                  <a16:creationId xmlns:a16="http://schemas.microsoft.com/office/drawing/2014/main" id="{999B27BA-EC60-E1A2-DBE6-DF3F3A1502F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9210763" y="4200508"/>
              <a:ext cx="1282981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3 – Apr 17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6CCA144-BFD4-FDF2-6EC9-A979E5A8A30A}"/>
              </a:ext>
            </a:extLst>
          </p:cNvPr>
          <p:cNvGrpSpPr/>
          <p:nvPr/>
        </p:nvGrpSpPr>
        <p:grpSpPr>
          <a:xfrm>
            <a:off x="8984787" y="4589188"/>
            <a:ext cx="2048107" cy="191322"/>
            <a:chOff x="9010946" y="4559607"/>
            <a:chExt cx="2048107" cy="191322"/>
          </a:xfrm>
        </p:grpSpPr>
        <p:sp>
          <p:nvSpPr>
            <p:cNvPr id="31" name="Rounded Rectangle 48">
              <a:extLst>
                <a:ext uri="{FF2B5EF4-FFF2-40B4-BE49-F238E27FC236}">
                  <a16:creationId xmlns:a16="http://schemas.microsoft.com/office/drawing/2014/main" id="{F75872B3-53C9-71CF-141F-042C4AD1533E}"/>
                </a:ext>
              </a:extLst>
            </p:cNvPr>
            <p:cNvSpPr/>
            <p:nvPr/>
          </p:nvSpPr>
          <p:spPr>
            <a:xfrm>
              <a:off x="9010946" y="4560087"/>
              <a:ext cx="648071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OTLSHAPE_SLT_5b87359c2c954ae4906972a3b70de9e6_JoinedDate">
              <a:extLst>
                <a:ext uri="{FF2B5EF4-FFF2-40B4-BE49-F238E27FC236}">
                  <a16:creationId xmlns:a16="http://schemas.microsoft.com/office/drawing/2014/main" id="{22BA6371-C6E0-7E49-E00E-1537BC266F6E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022208" y="4574716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8 – Apr 2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Star: 4 Points 32">
              <a:extLst>
                <a:ext uri="{FF2B5EF4-FFF2-40B4-BE49-F238E27FC236}">
                  <a16:creationId xmlns:a16="http://schemas.microsoft.com/office/drawing/2014/main" id="{2A4EF71C-8DC9-B38E-C984-7A0325164A73}"/>
                </a:ext>
              </a:extLst>
            </p:cNvPr>
            <p:cNvSpPr/>
            <p:nvPr/>
          </p:nvSpPr>
          <p:spPr>
            <a:xfrm>
              <a:off x="9762699" y="4559607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F67C9BFB-8686-D70F-3BA5-6979B7B325DF}"/>
              </a:ext>
            </a:extLst>
          </p:cNvPr>
          <p:cNvGrpSpPr/>
          <p:nvPr/>
        </p:nvGrpSpPr>
        <p:grpSpPr>
          <a:xfrm>
            <a:off x="7178257" y="3482688"/>
            <a:ext cx="2156606" cy="197256"/>
            <a:chOff x="7204416" y="3453107"/>
            <a:chExt cx="2156606" cy="197256"/>
          </a:xfrm>
        </p:grpSpPr>
        <p:sp>
          <p:nvSpPr>
            <p:cNvPr id="25" name="Star: 4 Points 24">
              <a:extLst>
                <a:ext uri="{FF2B5EF4-FFF2-40B4-BE49-F238E27FC236}">
                  <a16:creationId xmlns:a16="http://schemas.microsoft.com/office/drawing/2014/main" id="{28025BD7-ECEB-687F-B605-C9D4D1990D05}"/>
                </a:ext>
              </a:extLst>
            </p:cNvPr>
            <p:cNvSpPr/>
            <p:nvPr/>
          </p:nvSpPr>
          <p:spPr>
            <a:xfrm>
              <a:off x="8023790" y="3461121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6" name="OTLSHAPE_SLT_5b87359c2c954ae4906972a3b70de9e6_JoinedDate">
              <a:extLst>
                <a:ext uri="{FF2B5EF4-FFF2-40B4-BE49-F238E27FC236}">
                  <a16:creationId xmlns:a16="http://schemas.microsoft.com/office/drawing/2014/main" id="{D7D5C0E7-E95A-3B01-36E9-51AABD4FD3C3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8366073" y="3459941"/>
              <a:ext cx="994949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ar 31 – Apr 4 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8" name="Rounded Rectangle 48">
              <a:extLst>
                <a:ext uri="{FF2B5EF4-FFF2-40B4-BE49-F238E27FC236}">
                  <a16:creationId xmlns:a16="http://schemas.microsoft.com/office/drawing/2014/main" id="{CD5737A8-7E1F-B419-8B2D-2A2D571BE8E8}"/>
                </a:ext>
              </a:extLst>
            </p:cNvPr>
            <p:cNvSpPr/>
            <p:nvPr/>
          </p:nvSpPr>
          <p:spPr>
            <a:xfrm>
              <a:off x="7204416" y="3453107"/>
              <a:ext cx="717971" cy="190842"/>
            </a:xfrm>
            <a:prstGeom prst="roundRect">
              <a:avLst>
                <a:gd name="adj" fmla="val 4871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17385" y="2680648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133890" y="268064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E3B5BB1-BCD4-7F7B-4876-2376B8370A3B}"/>
              </a:ext>
            </a:extLst>
          </p:cNvPr>
          <p:cNvGrpSpPr/>
          <p:nvPr/>
        </p:nvGrpSpPr>
        <p:grpSpPr>
          <a:xfrm>
            <a:off x="9544643" y="5005188"/>
            <a:ext cx="1676764" cy="190842"/>
            <a:chOff x="9570802" y="4975607"/>
            <a:chExt cx="1676764" cy="190842"/>
          </a:xfrm>
        </p:grpSpPr>
        <p:sp>
          <p:nvSpPr>
            <p:cNvPr id="35" name="Rounded Rectangle 48">
              <a:extLst>
                <a:ext uri="{FF2B5EF4-FFF2-40B4-BE49-F238E27FC236}">
                  <a16:creationId xmlns:a16="http://schemas.microsoft.com/office/drawing/2014/main" id="{91F15228-3583-0718-0902-0B1FD28AB152}"/>
                </a:ext>
              </a:extLst>
            </p:cNvPr>
            <p:cNvSpPr/>
            <p:nvPr/>
          </p:nvSpPr>
          <p:spPr>
            <a:xfrm>
              <a:off x="9570802" y="4975607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6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TLSHAPE_SLT_5b87359c2c954ae4906972a3b70de9e6_JoinedDate">
              <a:extLst>
                <a:ext uri="{FF2B5EF4-FFF2-40B4-BE49-F238E27FC236}">
                  <a16:creationId xmlns:a16="http://schemas.microsoft.com/office/drawing/2014/main" id="{481E9D13-9193-ABCA-1B46-94D0C2735E0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9852253" y="4975607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25 – May 15</a:t>
              </a:r>
              <a:endParaRPr lang="zh-CN" altLang="en-US" sz="1050" spc="-6" dirty="0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65" name="Rounded Rectangle 48">
            <a:extLst>
              <a:ext uri="{FF2B5EF4-FFF2-40B4-BE49-F238E27FC236}">
                <a16:creationId xmlns:a16="http://schemas.microsoft.com/office/drawing/2014/main" id="{0213E8FD-4C98-5B2D-8E83-3D183AE9E249}"/>
              </a:ext>
            </a:extLst>
          </p:cNvPr>
          <p:cNvSpPr/>
          <p:nvPr/>
        </p:nvSpPr>
        <p:spPr>
          <a:xfrm>
            <a:off x="7075289" y="3094142"/>
            <a:ext cx="25825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6" name="OTLSHAPE_SLT_5b87359c2c954ae4906972a3b70de9e6_JoinedDate">
            <a:extLst>
              <a:ext uri="{FF2B5EF4-FFF2-40B4-BE49-F238E27FC236}">
                <a16:creationId xmlns:a16="http://schemas.microsoft.com/office/drawing/2014/main" id="{897F13D1-7572-D651-5FB1-7342C72BB91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56140" y="3106705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7 – Mar 30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F049A10-EF1C-4CC0-B89A-BAD441EEC40A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2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ED7A0B2-0609-46B6-BA8B-3FB166A11F4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TotalTime>735</TotalTime>
  <Words>221</Words>
  <Application>Microsoft Office PowerPoint</Application>
  <PresentationFormat>Widescreen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Arial Narrow</vt:lpstr>
      <vt:lpstr>Calibri</vt:lpstr>
      <vt:lpstr>Candara</vt:lpstr>
      <vt:lpstr>Tahoma</vt:lpstr>
      <vt:lpstr>Office Theme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lastModifiedBy>Jeremy Zhang</cp:lastModifiedBy>
  <cp:revision>1</cp:revision>
  <dcterms:created xsi:type="dcterms:W3CDTF">2023-02-20T16:33:47Z</dcterms:created>
  <dcterms:modified xsi:type="dcterms:W3CDTF">2023-02-21T04:49:24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